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C:\Users\s00056\Desktop\HP用\"/>
    </mc:Choice>
  </mc:AlternateContent>
  <xr:revisionPtr revIDLastSave="0" documentId="13_ncr:1_{EB89228B-3E08-41FF-821E-D2172889782A}" xr6:coauthVersionLast="47" xr6:coauthVersionMax="47" xr10:uidLastSave="{00000000-0000-0000-0000-000000000000}"/>
  <bookViews>
    <workbookView xWindow="-110" yWindow="-110" windowWidth="19420" windowHeight="10300" xr2:uid="{00000000-000D-0000-FFFF-FFFF00000000}"/>
  </bookViews>
  <sheets>
    <sheet name="その他" sheetId="2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93" uniqueCount="182">
  <si>
    <t>番号</t>
    <rPh sb="0" eb="2">
      <t>バンゴウ</t>
    </rPh>
    <phoneticPr fontId="1"/>
  </si>
  <si>
    <t>書籍名</t>
    <rPh sb="0" eb="2">
      <t>ショセキ</t>
    </rPh>
    <rPh sb="2" eb="3">
      <t>メイ</t>
    </rPh>
    <phoneticPr fontId="1"/>
  </si>
  <si>
    <t>出版社</t>
    <rPh sb="0" eb="3">
      <t>シュッパンシャ</t>
    </rPh>
    <phoneticPr fontId="1"/>
  </si>
  <si>
    <t>全日本社会教育連合会</t>
    <phoneticPr fontId="1"/>
  </si>
  <si>
    <t>学文社</t>
    <phoneticPr fontId="1"/>
  </si>
  <si>
    <t>岡本薫</t>
    <phoneticPr fontId="1"/>
  </si>
  <si>
    <t>ちくま新書</t>
    <phoneticPr fontId="1"/>
  </si>
  <si>
    <t>すばる舎</t>
    <phoneticPr fontId="1"/>
  </si>
  <si>
    <t>子連れ防災手帳</t>
    <phoneticPr fontId="1"/>
  </si>
  <si>
    <t>今、はじめよう！　新しい防災教育</t>
    <phoneticPr fontId="1"/>
  </si>
  <si>
    <t>渡邉正樹</t>
    <phoneticPr fontId="1"/>
  </si>
  <si>
    <t>光文書院</t>
    <phoneticPr fontId="1"/>
  </si>
  <si>
    <t>山崎亮</t>
    <phoneticPr fontId="1"/>
  </si>
  <si>
    <t>中公新書</t>
    <phoneticPr fontId="1"/>
  </si>
  <si>
    <t>齋藤正明</t>
    <phoneticPr fontId="1"/>
  </si>
  <si>
    <t>ダイヤモンド社</t>
    <phoneticPr fontId="1"/>
  </si>
  <si>
    <t>日本実業出版</t>
    <phoneticPr fontId="1"/>
  </si>
  <si>
    <t>森田汐生</t>
    <phoneticPr fontId="1"/>
  </si>
  <si>
    <t>岩波書店</t>
    <phoneticPr fontId="1"/>
  </si>
  <si>
    <t>学芸出版社</t>
    <phoneticPr fontId="1"/>
  </si>
  <si>
    <t>木村俊昭</t>
    <phoneticPr fontId="1"/>
  </si>
  <si>
    <t>実務教育出版</t>
    <phoneticPr fontId="1"/>
  </si>
  <si>
    <t>英治出版</t>
    <phoneticPr fontId="1"/>
  </si>
  <si>
    <t>東洋経済新報社</t>
    <phoneticPr fontId="1"/>
  </si>
  <si>
    <t>第４版　地域防災とまちづくり</t>
    <phoneticPr fontId="1"/>
  </si>
  <si>
    <t>瀧本浩一</t>
    <phoneticPr fontId="1"/>
  </si>
  <si>
    <t>イマジン出版</t>
    <phoneticPr fontId="1"/>
  </si>
  <si>
    <t>親子で学ぶ防災教室　身の守り方がわかる本</t>
    <phoneticPr fontId="1"/>
  </si>
  <si>
    <t>今泉マユ子</t>
    <phoneticPr fontId="1"/>
  </si>
  <si>
    <t>理論社</t>
    <phoneticPr fontId="1"/>
  </si>
  <si>
    <t>Q＆Aで学ぶ　図書館の著作権基礎知識</t>
    <phoneticPr fontId="1"/>
  </si>
  <si>
    <t>黒沢節雄</t>
    <phoneticPr fontId="1"/>
  </si>
  <si>
    <t>太田出版</t>
    <phoneticPr fontId="1"/>
  </si>
  <si>
    <t>翔泳社</t>
    <phoneticPr fontId="1"/>
  </si>
  <si>
    <t>インプレス</t>
    <phoneticPr fontId="1"/>
  </si>
  <si>
    <t>「できない」を「できる！」に変える</t>
    <phoneticPr fontId="1"/>
  </si>
  <si>
    <t>効果１０倍の〈教える〉技術　授業から企業研修まで</t>
    <phoneticPr fontId="1"/>
  </si>
  <si>
    <t>吉田新一郎　</t>
    <phoneticPr fontId="1"/>
  </si>
  <si>
    <t>ＰＨＰ新書</t>
    <phoneticPr fontId="1"/>
  </si>
  <si>
    <t>マグロ船で学んだ人生哲学</t>
    <phoneticPr fontId="1"/>
  </si>
  <si>
    <t>講談社biz</t>
    <phoneticPr fontId="1"/>
  </si>
  <si>
    <t>災害ボランティアの心構え</t>
    <phoneticPr fontId="1"/>
  </si>
  <si>
    <t>村井雅清</t>
    <phoneticPr fontId="1"/>
  </si>
  <si>
    <t>ソフトバンク新書</t>
    <phoneticPr fontId="1"/>
  </si>
  <si>
    <t>奇跡の災害ボランティア「石巻モデル」</t>
    <phoneticPr fontId="1"/>
  </si>
  <si>
    <t>中原一歩</t>
    <phoneticPr fontId="1"/>
  </si>
  <si>
    <t>朝日新書</t>
    <phoneticPr fontId="1"/>
  </si>
  <si>
    <t>あなたにもできる災害ボランティア　津波被害の現場から</t>
    <phoneticPr fontId="1"/>
  </si>
  <si>
    <t>スベンドリニ  カクチ  大倉弥生</t>
    <phoneticPr fontId="1"/>
  </si>
  <si>
    <t>岩波ジュニア新書</t>
    <phoneticPr fontId="1"/>
  </si>
  <si>
    <t>ボランティア活動とおとなの学び　自己と社会の循環的発展</t>
    <phoneticPr fontId="1"/>
  </si>
  <si>
    <t>田中雅文</t>
    <phoneticPr fontId="1"/>
  </si>
  <si>
    <t>２０１０年版　誰でも分かる著作権</t>
    <phoneticPr fontId="1"/>
  </si>
  <si>
    <t>〈私〉時代のデモクラシー</t>
    <phoneticPr fontId="1"/>
  </si>
  <si>
    <t>宇野重規</t>
    <phoneticPr fontId="1"/>
  </si>
  <si>
    <t>岩波新書</t>
    <phoneticPr fontId="1"/>
  </si>
  <si>
    <t>コミュニケーション力</t>
    <phoneticPr fontId="1"/>
  </si>
  <si>
    <t>齋藤孝</t>
    <phoneticPr fontId="1"/>
  </si>
  <si>
    <t>幸せに向かうデザイン</t>
    <phoneticPr fontId="1"/>
  </si>
  <si>
    <t>永井一史　他</t>
    <phoneticPr fontId="1"/>
  </si>
  <si>
    <t>日経ＢＰ社</t>
    <phoneticPr fontId="1"/>
  </si>
  <si>
    <t>問題解決ができる、デザインの発想法</t>
    <phoneticPr fontId="1"/>
  </si>
  <si>
    <t>エレン・ラプトン</t>
    <phoneticPr fontId="1"/>
  </si>
  <si>
    <t>ビー・エヌ・エス新社</t>
    <phoneticPr fontId="1"/>
  </si>
  <si>
    <t>藻谷浩介さん、経済成長がなければ僕たちは幸せになれないのでしょうか？</t>
    <phoneticPr fontId="1"/>
  </si>
  <si>
    <t>藻谷浩介　他</t>
    <phoneticPr fontId="1"/>
  </si>
  <si>
    <t>地域に飛び出す公務員ハンドブック</t>
    <phoneticPr fontId="1"/>
  </si>
  <si>
    <t>椎川忍　</t>
    <phoneticPr fontId="1"/>
  </si>
  <si>
    <t>今井書店</t>
    <phoneticPr fontId="1"/>
  </si>
  <si>
    <t>日本でいちばんいい県　都道府県別　幸福度ランキング</t>
    <phoneticPr fontId="1"/>
  </si>
  <si>
    <t>寺島実郎</t>
    <phoneticPr fontId="1"/>
  </si>
  <si>
    <t>深く伝える技術</t>
    <phoneticPr fontId="1"/>
  </si>
  <si>
    <t>伊藤真</t>
    <phoneticPr fontId="1"/>
  </si>
  <si>
    <t>サンマーク出版</t>
    <phoneticPr fontId="1"/>
  </si>
  <si>
    <t>里山資本主義－資本経済は｢安心の原理」で動くー</t>
    <phoneticPr fontId="1"/>
  </si>
  <si>
    <t>藻谷浩介　NHK広島取材班</t>
    <phoneticPr fontId="1"/>
  </si>
  <si>
    <t>角川書店</t>
    <phoneticPr fontId="1"/>
  </si>
  <si>
    <t>ソーシャルデザインアトラス</t>
    <phoneticPr fontId="1"/>
  </si>
  <si>
    <t>鹿島出版会</t>
    <phoneticPr fontId="1"/>
  </si>
  <si>
    <t>伝え方が９割</t>
    <phoneticPr fontId="1"/>
  </si>
  <si>
    <t>佐々木圭一</t>
    <phoneticPr fontId="1"/>
  </si>
  <si>
    <t>聞く力　心をひらく３５のヒント</t>
    <phoneticPr fontId="1"/>
  </si>
  <si>
    <t>阿川佐和子</t>
    <phoneticPr fontId="1"/>
  </si>
  <si>
    <t>文春新書</t>
    <phoneticPr fontId="1"/>
  </si>
  <si>
    <t>広報入門　プロが教える基本と実務　</t>
    <phoneticPr fontId="1"/>
  </si>
  <si>
    <t>｢広報担当者養成講座」講師　共書</t>
    <phoneticPr fontId="1"/>
  </si>
  <si>
    <t>宣伝会議</t>
    <phoneticPr fontId="1"/>
  </si>
  <si>
    <t>嫌われる勇気　自己啓発の源流｢アドラー」の教え</t>
    <phoneticPr fontId="1"/>
  </si>
  <si>
    <t>岸見一郎　古賀史健</t>
    <phoneticPr fontId="1"/>
  </si>
  <si>
    <t>実践！交渉学ーいかに合意形成をはかるか</t>
    <phoneticPr fontId="1"/>
  </si>
  <si>
    <t>松浦正浩</t>
    <phoneticPr fontId="1"/>
  </si>
  <si>
    <t>こうだったのか　NPOの広報</t>
    <phoneticPr fontId="1"/>
  </si>
  <si>
    <t>武永勉</t>
    <phoneticPr fontId="1"/>
  </si>
  <si>
    <t>大阪ボランティア協会</t>
    <phoneticPr fontId="1"/>
  </si>
  <si>
    <t>発想をカタチにする技術</t>
    <phoneticPr fontId="1"/>
  </si>
  <si>
    <t>吉田照幸</t>
    <phoneticPr fontId="1"/>
  </si>
  <si>
    <t>日本実業出版社</t>
    <phoneticPr fontId="1"/>
  </si>
  <si>
    <t>気持ちが伝わる話し方</t>
    <phoneticPr fontId="1"/>
  </si>
  <si>
    <t>主婦の友社</t>
    <phoneticPr fontId="1"/>
  </si>
  <si>
    <t>人はなぜ集団になると怠けるのか『社会的手抜き』の心理学</t>
    <phoneticPr fontId="1"/>
  </si>
  <si>
    <t>釘原直樹</t>
    <phoneticPr fontId="1"/>
  </si>
  <si>
    <t>良い資料を創るためのレイアウトのルール　伝わるデザインの基本　PowerPointでもwordでもルールがっわかればかっこいい資料が作れます。</t>
    <phoneticPr fontId="1"/>
  </si>
  <si>
    <t>高橋佑麻   片山なつ　</t>
    <phoneticPr fontId="1"/>
  </si>
  <si>
    <t>技術評論社</t>
    <phoneticPr fontId="1"/>
  </si>
  <si>
    <t>ずっと使えて、ずっと役立つ基本のルール　デザイン入門教室　確かな力を身につけられる　学び、考え、作る授業</t>
    <phoneticPr fontId="1"/>
  </si>
  <si>
    <t>坂本伸二</t>
    <phoneticPr fontId="1"/>
  </si>
  <si>
    <t>ソフトバンククリエイティブ</t>
    <phoneticPr fontId="1"/>
  </si>
  <si>
    <t>ライフサイクルイノベーション　成熟市場＋コモディティ化に効く１４のイノベーション　</t>
    <phoneticPr fontId="1"/>
  </si>
  <si>
    <t>ジェフリー・ムーア</t>
    <phoneticPr fontId="1"/>
  </si>
  <si>
    <t>ウェブ配色　決める！チカラ　</t>
    <phoneticPr fontId="1"/>
  </si>
  <si>
    <t>坂本邦夫</t>
    <phoneticPr fontId="1"/>
  </si>
  <si>
    <t>workscorporation</t>
    <phoneticPr fontId="1"/>
  </si>
  <si>
    <t>10倍ラクして成果を上げる完全自動のExcel術</t>
    <phoneticPr fontId="1"/>
  </si>
  <si>
    <t>奥谷隆一</t>
    <phoneticPr fontId="1"/>
  </si>
  <si>
    <t>子連れ防災実践ノート</t>
    <phoneticPr fontId="1"/>
  </si>
  <si>
    <t>資質・能力　理論編　［国研ライブラリー］</t>
    <phoneticPr fontId="1"/>
  </si>
  <si>
    <t>国立教育政策研修所</t>
    <phoneticPr fontId="1"/>
  </si>
  <si>
    <t>一生使える見やすい資料のデザイン入門</t>
    <phoneticPr fontId="1"/>
  </si>
  <si>
    <t>森重湧太</t>
    <phoneticPr fontId="1"/>
  </si>
  <si>
    <t>配色デザイン　インスピレーションブック</t>
    <phoneticPr fontId="1"/>
  </si>
  <si>
    <t>Power Design inc</t>
    <phoneticPr fontId="1"/>
  </si>
  <si>
    <t>イラストカット全集10000</t>
    <phoneticPr fontId="1"/>
  </si>
  <si>
    <t>インプレスパソコン編集部</t>
    <phoneticPr fontId="1"/>
  </si>
  <si>
    <t>Graphic　Recorder　</t>
    <phoneticPr fontId="1"/>
  </si>
  <si>
    <t>鈴木淳子</t>
    <phoneticPr fontId="1"/>
  </si>
  <si>
    <t>ビー・エヌ・エヌ新社</t>
    <phoneticPr fontId="1"/>
  </si>
  <si>
    <t>一目で分かる配色とレイアウト</t>
    <phoneticPr fontId="1"/>
  </si>
  <si>
    <t>１枚デザインの構図とレイアウト</t>
    <phoneticPr fontId="1"/>
  </si>
  <si>
    <t>「伝わるデザイン」Power Point　資料作成術</t>
    <phoneticPr fontId="1"/>
  </si>
  <si>
    <t>渡辺克之</t>
    <phoneticPr fontId="1"/>
  </si>
  <si>
    <t>ソーテック社</t>
    <phoneticPr fontId="1"/>
  </si>
  <si>
    <t>パイインターナショナル</t>
    <phoneticPr fontId="1"/>
  </si>
  <si>
    <t>グラフィックファシリテーションの教科書</t>
    <phoneticPr fontId="1"/>
  </si>
  <si>
    <t>山田夏子</t>
    <phoneticPr fontId="1"/>
  </si>
  <si>
    <t>かんき出版</t>
    <phoneticPr fontId="1"/>
  </si>
  <si>
    <t>読むデザイン</t>
    <phoneticPr fontId="1"/>
  </si>
  <si>
    <t>鎌田隆史</t>
    <phoneticPr fontId="1"/>
  </si>
  <si>
    <t>旬報社</t>
    <phoneticPr fontId="1"/>
  </si>
  <si>
    <t>人は話し方が９割</t>
    <phoneticPr fontId="1"/>
  </si>
  <si>
    <t>永松茂久</t>
    <phoneticPr fontId="1"/>
  </si>
  <si>
    <t>「話す」は１割、「聞く」は９割</t>
    <phoneticPr fontId="1"/>
  </si>
  <si>
    <t>丘村奈央子</t>
    <phoneticPr fontId="1"/>
  </si>
  <si>
    <t>大和出版</t>
    <phoneticPr fontId="1"/>
  </si>
  <si>
    <t>日本語文章チェック辞典</t>
    <phoneticPr fontId="1"/>
  </si>
  <si>
    <t>石黒圭</t>
    <phoneticPr fontId="1"/>
  </si>
  <si>
    <t>東京堂出版</t>
    <phoneticPr fontId="1"/>
  </si>
  <si>
    <t>恐れのない組織</t>
    <phoneticPr fontId="1"/>
  </si>
  <si>
    <t>エイミー・C・エドモンドソン</t>
    <phoneticPr fontId="1"/>
  </si>
  <si>
    <t>アンラーン　人生１００年時代の新しい「学び」</t>
    <phoneticPr fontId="1"/>
  </si>
  <si>
    <t>柳川範之   為末大</t>
    <phoneticPr fontId="1"/>
  </si>
  <si>
    <t>日経BP</t>
    <phoneticPr fontId="1"/>
  </si>
  <si>
    <t>おかたいデザイン</t>
    <phoneticPr fontId="1"/>
  </si>
  <si>
    <t>平本久美子</t>
    <phoneticPr fontId="1"/>
  </si>
  <si>
    <t>見えにくい、読みにくい「困った！」を</t>
    <phoneticPr fontId="1"/>
  </si>
  <si>
    <t>間嶋沙知</t>
    <phoneticPr fontId="1"/>
  </si>
  <si>
    <t>マイナビ出版</t>
    <phoneticPr fontId="1"/>
  </si>
  <si>
    <t>色数は少ない方がかっこいい！</t>
    <phoneticPr fontId="1"/>
  </si>
  <si>
    <t>Power Design Inc</t>
    <phoneticPr fontId="1"/>
  </si>
  <si>
    <t>ソシム㈱</t>
    <phoneticPr fontId="1"/>
  </si>
  <si>
    <t>文章力の基本</t>
    <phoneticPr fontId="1"/>
  </si>
  <si>
    <t>阿部紘久</t>
    <phoneticPr fontId="1"/>
  </si>
  <si>
    <t>イシューからはじめよ　知的生産の「シンプルな本質」</t>
    <phoneticPr fontId="1"/>
  </si>
  <si>
    <t>安宅和人</t>
    <phoneticPr fontId="1"/>
  </si>
  <si>
    <t>不便益のススメ:新しいデザインを求めて(岩波ジュニア新書)</t>
    <phoneticPr fontId="1"/>
  </si>
  <si>
    <t>川上浩司</t>
    <phoneticPr fontId="1"/>
  </si>
  <si>
    <t>神と妖怪の防災学</t>
    <phoneticPr fontId="1"/>
  </si>
  <si>
    <t>高田知紀</t>
    <phoneticPr fontId="1"/>
  </si>
  <si>
    <t>法律文化社</t>
    <phoneticPr fontId="1"/>
  </si>
  <si>
    <t>発行年</t>
    <rPh sb="0" eb="3">
      <t>ハッコウネン</t>
    </rPh>
    <phoneticPr fontId="1"/>
  </si>
  <si>
    <t>著者名</t>
    <rPh sb="0" eb="2">
      <t>チョシャ</t>
    </rPh>
    <rPh sb="2" eb="3">
      <t>メイ</t>
    </rPh>
    <phoneticPr fontId="1"/>
  </si>
  <si>
    <t>つながる．Com</t>
    <phoneticPr fontId="1"/>
  </si>
  <si>
    <t>タメ思考～「頭のいい人」の思考法を身につける</t>
    <phoneticPr fontId="1"/>
  </si>
  <si>
    <t>澤円</t>
    <phoneticPr fontId="1"/>
  </si>
  <si>
    <t>大和書房</t>
    <phoneticPr fontId="1"/>
  </si>
  <si>
    <t>МAМAーPLUG</t>
    <phoneticPr fontId="1"/>
  </si>
  <si>
    <t>（株）東洋館出版社</t>
    <rPh sb="0" eb="3">
      <t>カブ</t>
    </rPh>
    <rPh sb="3" eb="5">
      <t>トウヨウ</t>
    </rPh>
    <rPh sb="5" eb="9">
      <t>カンシュッパンシャ</t>
    </rPh>
    <phoneticPr fontId="1"/>
  </si>
  <si>
    <r>
      <t>８．その他</t>
    </r>
    <r>
      <rPr>
        <sz val="12"/>
        <color theme="1"/>
        <rFont val="メイリオ"/>
        <family val="3"/>
        <charset val="128"/>
      </rPr>
      <t>（芸術、文化、くらし、防災、趣味等）</t>
    </r>
    <rPh sb="4" eb="5">
      <t>タ</t>
    </rPh>
    <rPh sb="6" eb="8">
      <t>ゲイジュツ</t>
    </rPh>
    <rPh sb="9" eb="11">
      <t>ブンカ</t>
    </rPh>
    <rPh sb="16" eb="18">
      <t>ボウサイ</t>
    </rPh>
    <rPh sb="19" eb="21">
      <t>シュミ</t>
    </rPh>
    <rPh sb="21" eb="22">
      <t>トウ</t>
    </rPh>
    <phoneticPr fontId="1"/>
  </si>
  <si>
    <t>KODOKAWA</t>
    <phoneticPr fontId="1"/>
  </si>
  <si>
    <t>ソシム</t>
    <phoneticPr fontId="1"/>
  </si>
  <si>
    <t>地域社会におけるウェルビーイングの構築　社会教育と福祉の対話</t>
    <phoneticPr fontId="8"/>
  </si>
  <si>
    <t>松田武雄</t>
    <phoneticPr fontId="8"/>
  </si>
  <si>
    <t>福村出版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メイリオ"/>
      <family val="3"/>
      <charset val="128"/>
    </font>
    <font>
      <b/>
      <sz val="16"/>
      <color theme="1"/>
      <name val="メイリオ"/>
      <family val="3"/>
      <charset val="128"/>
    </font>
    <font>
      <sz val="9"/>
      <color theme="1"/>
      <name val="メイリオ"/>
      <family val="3"/>
      <charset val="128"/>
    </font>
    <font>
      <sz val="9"/>
      <color theme="1"/>
      <name val="游ゴシック"/>
      <family val="2"/>
      <charset val="128"/>
      <scheme val="minor"/>
    </font>
    <font>
      <sz val="12"/>
      <color theme="1"/>
      <name val="メイリオ"/>
      <family val="3"/>
      <charset val="128"/>
    </font>
    <font>
      <sz val="9"/>
      <name val="メイリオ"/>
      <family val="3"/>
      <charset val="128"/>
    </font>
    <font>
      <sz val="6"/>
      <name val="ＭＳ Ｐ明朝"/>
      <family val="1"/>
      <charset val="128"/>
    </font>
    <font>
      <sz val="10.5"/>
      <color rgb="FF000000"/>
      <name val="メイリオ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5">
    <xf numFmtId="0" fontId="0" fillId="0" borderId="0" xfId="0">
      <alignment vertical="center"/>
    </xf>
    <xf numFmtId="0" fontId="2" fillId="0" borderId="1" xfId="0" applyFont="1" applyBorder="1" applyAlignment="1">
      <alignment horizontal="center" vertical="center"/>
    </xf>
    <xf numFmtId="0" fontId="4" fillId="0" borderId="1" xfId="0" applyFont="1" applyBorder="1">
      <alignment vertical="center"/>
    </xf>
    <xf numFmtId="0" fontId="4" fillId="0" borderId="1" xfId="0" applyFont="1" applyBorder="1" applyAlignment="1">
      <alignment vertical="center" wrapText="1"/>
    </xf>
    <xf numFmtId="0" fontId="4" fillId="0" borderId="1" xfId="0" applyFont="1" applyBorder="1" applyAlignment="1">
      <alignment vertical="center"/>
    </xf>
    <xf numFmtId="0" fontId="4" fillId="0" borderId="1" xfId="0" applyFont="1" applyBorder="1" applyAlignment="1">
      <alignment horizontal="left" vertical="center"/>
    </xf>
    <xf numFmtId="0" fontId="5" fillId="0" borderId="0" xfId="0" applyFont="1" applyAlignment="1">
      <alignment horizontal="left" vertical="center"/>
    </xf>
    <xf numFmtId="0" fontId="5" fillId="0" borderId="0" xfId="0" applyFont="1">
      <alignment vertical="center"/>
    </xf>
    <xf numFmtId="0" fontId="4" fillId="0" borderId="0" xfId="0" applyFont="1" applyBorder="1" applyAlignment="1">
      <alignment horizontal="left" vertical="center"/>
    </xf>
    <xf numFmtId="0" fontId="4" fillId="0" borderId="0" xfId="0" applyFont="1" applyBorder="1">
      <alignment vertical="center"/>
    </xf>
    <xf numFmtId="0" fontId="5" fillId="0" borderId="0" xfId="0" applyFont="1" applyBorder="1" applyAlignment="1">
      <alignment horizontal="left" vertical="center"/>
    </xf>
    <xf numFmtId="0" fontId="5" fillId="0" borderId="0" xfId="0" applyFont="1" applyBorder="1">
      <alignment vertical="center"/>
    </xf>
    <xf numFmtId="0" fontId="3" fillId="0" borderId="0" xfId="0" applyFont="1" applyAlignment="1">
      <alignment horizontal="left" vertical="center"/>
    </xf>
    <xf numFmtId="0" fontId="7" fillId="0" borderId="1" xfId="0" applyFont="1" applyBorder="1" applyAlignment="1">
      <alignment wrapText="1" shrinkToFit="1"/>
    </xf>
    <xf numFmtId="0" fontId="9" fillId="0" borderId="1" xfId="0" applyFont="1" applyBorder="1" applyAlignment="1"/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dimension ref="A1:E84"/>
  <sheetViews>
    <sheetView tabSelected="1" topLeftCell="A58" workbookViewId="0">
      <selection activeCell="E67" sqref="E67"/>
    </sheetView>
  </sheetViews>
  <sheetFormatPr defaultRowHeight="18" x14ac:dyDescent="0.55000000000000004"/>
  <cols>
    <col min="1" max="1" width="8.6640625" customWidth="1"/>
    <col min="2" max="2" width="59.4140625" customWidth="1"/>
    <col min="3" max="3" width="23.83203125" customWidth="1"/>
    <col min="4" max="4" width="20.1640625" customWidth="1"/>
    <col min="5" max="5" width="8" customWidth="1"/>
  </cols>
  <sheetData>
    <row r="1" spans="1:5" ht="25.5" x14ac:dyDescent="0.55000000000000004">
      <c r="A1" s="12" t="s">
        <v>176</v>
      </c>
      <c r="B1" s="12"/>
      <c r="C1" s="12"/>
      <c r="D1" s="12"/>
    </row>
    <row r="2" spans="1:5" x14ac:dyDescent="0.55000000000000004">
      <c r="A2" s="1" t="s">
        <v>0</v>
      </c>
      <c r="B2" s="1" t="s">
        <v>1</v>
      </c>
      <c r="C2" s="1" t="s">
        <v>169</v>
      </c>
      <c r="D2" s="1" t="s">
        <v>2</v>
      </c>
      <c r="E2" s="1" t="s">
        <v>168</v>
      </c>
    </row>
    <row r="3" spans="1:5" x14ac:dyDescent="0.55000000000000004">
      <c r="A3" s="5">
        <v>100027</v>
      </c>
      <c r="B3" s="2" t="s">
        <v>36</v>
      </c>
      <c r="C3" s="2" t="s">
        <v>37</v>
      </c>
      <c r="D3" s="2" t="s">
        <v>38</v>
      </c>
      <c r="E3" s="5">
        <v>2006</v>
      </c>
    </row>
    <row r="4" spans="1:5" x14ac:dyDescent="0.55000000000000004">
      <c r="A4" s="5">
        <v>100035</v>
      </c>
      <c r="B4" s="2" t="s">
        <v>35</v>
      </c>
      <c r="C4" s="2" t="s">
        <v>20</v>
      </c>
      <c r="D4" s="2" t="s">
        <v>21</v>
      </c>
      <c r="E4" s="5">
        <v>2010</v>
      </c>
    </row>
    <row r="5" spans="1:5" x14ac:dyDescent="0.55000000000000004">
      <c r="A5" s="5">
        <v>100038</v>
      </c>
      <c r="B5" s="2" t="s">
        <v>39</v>
      </c>
      <c r="C5" s="2" t="s">
        <v>14</v>
      </c>
      <c r="D5" s="2" t="s">
        <v>40</v>
      </c>
      <c r="E5" s="5">
        <v>2010</v>
      </c>
    </row>
    <row r="6" spans="1:5" x14ac:dyDescent="0.55000000000000004">
      <c r="A6" s="5">
        <v>110005</v>
      </c>
      <c r="B6" s="2" t="s">
        <v>41</v>
      </c>
      <c r="C6" s="2" t="s">
        <v>42</v>
      </c>
      <c r="D6" s="2" t="s">
        <v>43</v>
      </c>
      <c r="E6" s="5">
        <v>2011</v>
      </c>
    </row>
    <row r="7" spans="1:5" x14ac:dyDescent="0.55000000000000004">
      <c r="A7" s="5">
        <v>110006</v>
      </c>
      <c r="B7" s="2" t="s">
        <v>44</v>
      </c>
      <c r="C7" s="2" t="s">
        <v>45</v>
      </c>
      <c r="D7" s="2" t="s">
        <v>46</v>
      </c>
      <c r="E7" s="5">
        <v>2011</v>
      </c>
    </row>
    <row r="8" spans="1:5" x14ac:dyDescent="0.55000000000000004">
      <c r="A8" s="5">
        <v>110007</v>
      </c>
      <c r="B8" s="2" t="s">
        <v>47</v>
      </c>
      <c r="C8" s="4" t="s">
        <v>48</v>
      </c>
      <c r="D8" s="2" t="s">
        <v>49</v>
      </c>
      <c r="E8" s="5">
        <v>2005</v>
      </c>
    </row>
    <row r="9" spans="1:5" x14ac:dyDescent="0.55000000000000004">
      <c r="A9" s="5">
        <v>110017</v>
      </c>
      <c r="B9" s="2" t="s">
        <v>35</v>
      </c>
      <c r="C9" s="2" t="s">
        <v>20</v>
      </c>
      <c r="D9" s="2" t="s">
        <v>21</v>
      </c>
      <c r="E9" s="5">
        <v>2010</v>
      </c>
    </row>
    <row r="10" spans="1:5" x14ac:dyDescent="0.55000000000000004">
      <c r="A10" s="5">
        <v>110021</v>
      </c>
      <c r="B10" s="2" t="s">
        <v>50</v>
      </c>
      <c r="C10" s="2" t="s">
        <v>51</v>
      </c>
      <c r="D10" s="2" t="s">
        <v>4</v>
      </c>
      <c r="E10" s="5">
        <v>2011</v>
      </c>
    </row>
    <row r="11" spans="1:5" x14ac:dyDescent="0.55000000000000004">
      <c r="A11" s="5">
        <v>110023</v>
      </c>
      <c r="B11" s="2" t="s">
        <v>52</v>
      </c>
      <c r="C11" s="2" t="s">
        <v>5</v>
      </c>
      <c r="D11" s="2" t="s">
        <v>3</v>
      </c>
      <c r="E11" s="5">
        <v>2010</v>
      </c>
    </row>
    <row r="12" spans="1:5" x14ac:dyDescent="0.55000000000000004">
      <c r="A12" s="5">
        <v>110024</v>
      </c>
      <c r="B12" s="2" t="s">
        <v>53</v>
      </c>
      <c r="C12" s="2" t="s">
        <v>54</v>
      </c>
      <c r="D12" s="2" t="s">
        <v>55</v>
      </c>
      <c r="E12" s="5">
        <v>2010</v>
      </c>
    </row>
    <row r="13" spans="1:5" x14ac:dyDescent="0.55000000000000004">
      <c r="A13" s="5">
        <v>120003</v>
      </c>
      <c r="B13" s="2" t="s">
        <v>56</v>
      </c>
      <c r="C13" s="2" t="s">
        <v>57</v>
      </c>
      <c r="D13" s="2" t="s">
        <v>55</v>
      </c>
      <c r="E13" s="5">
        <v>2004</v>
      </c>
    </row>
    <row r="14" spans="1:5" x14ac:dyDescent="0.55000000000000004">
      <c r="A14" s="5">
        <v>120008</v>
      </c>
      <c r="B14" s="2" t="s">
        <v>58</v>
      </c>
      <c r="C14" s="2" t="s">
        <v>59</v>
      </c>
      <c r="D14" s="2" t="s">
        <v>60</v>
      </c>
      <c r="E14" s="5">
        <v>2012</v>
      </c>
    </row>
    <row r="15" spans="1:5" x14ac:dyDescent="0.55000000000000004">
      <c r="A15" s="5">
        <v>120009</v>
      </c>
      <c r="B15" s="2" t="s">
        <v>61</v>
      </c>
      <c r="C15" s="2" t="s">
        <v>62</v>
      </c>
      <c r="D15" s="2" t="s">
        <v>63</v>
      </c>
      <c r="E15" s="5">
        <v>2012</v>
      </c>
    </row>
    <row r="16" spans="1:5" x14ac:dyDescent="0.55000000000000004">
      <c r="A16" s="5">
        <v>120018</v>
      </c>
      <c r="B16" s="2" t="s">
        <v>64</v>
      </c>
      <c r="C16" s="2" t="s">
        <v>65</v>
      </c>
      <c r="D16" s="2" t="s">
        <v>19</v>
      </c>
      <c r="E16" s="5">
        <v>2012</v>
      </c>
    </row>
    <row r="17" spans="1:5" x14ac:dyDescent="0.55000000000000004">
      <c r="A17" s="5">
        <v>120019</v>
      </c>
      <c r="B17" s="2" t="s">
        <v>66</v>
      </c>
      <c r="C17" s="2" t="s">
        <v>67</v>
      </c>
      <c r="D17" s="2" t="s">
        <v>68</v>
      </c>
      <c r="E17" s="5">
        <v>2012</v>
      </c>
    </row>
    <row r="18" spans="1:5" x14ac:dyDescent="0.55000000000000004">
      <c r="A18" s="5">
        <v>130006</v>
      </c>
      <c r="B18" s="2" t="s">
        <v>69</v>
      </c>
      <c r="C18" s="2" t="s">
        <v>70</v>
      </c>
      <c r="D18" s="2" t="s">
        <v>23</v>
      </c>
      <c r="E18" s="5">
        <v>2012</v>
      </c>
    </row>
    <row r="19" spans="1:5" x14ac:dyDescent="0.55000000000000004">
      <c r="A19" s="5">
        <v>130012</v>
      </c>
      <c r="B19" s="2" t="s">
        <v>71</v>
      </c>
      <c r="C19" s="2" t="s">
        <v>72</v>
      </c>
      <c r="D19" s="2" t="s">
        <v>73</v>
      </c>
      <c r="E19" s="5">
        <v>2013</v>
      </c>
    </row>
    <row r="20" spans="1:5" x14ac:dyDescent="0.55000000000000004">
      <c r="A20" s="5">
        <v>130013</v>
      </c>
      <c r="B20" s="2" t="s">
        <v>74</v>
      </c>
      <c r="C20" s="2" t="s">
        <v>75</v>
      </c>
      <c r="D20" s="2" t="s">
        <v>76</v>
      </c>
      <c r="E20" s="5">
        <v>2013</v>
      </c>
    </row>
    <row r="21" spans="1:5" x14ac:dyDescent="0.55000000000000004">
      <c r="A21" s="5">
        <v>130018</v>
      </c>
      <c r="B21" s="2" t="s">
        <v>77</v>
      </c>
      <c r="C21" s="2" t="s">
        <v>12</v>
      </c>
      <c r="D21" s="2" t="s">
        <v>78</v>
      </c>
      <c r="E21" s="5">
        <v>2012</v>
      </c>
    </row>
    <row r="22" spans="1:5" x14ac:dyDescent="0.55000000000000004">
      <c r="A22" s="5">
        <v>130019</v>
      </c>
      <c r="B22" s="2" t="s">
        <v>79</v>
      </c>
      <c r="C22" s="2" t="s">
        <v>80</v>
      </c>
      <c r="D22" s="2" t="s">
        <v>15</v>
      </c>
      <c r="E22" s="5">
        <v>2013</v>
      </c>
    </row>
    <row r="23" spans="1:5" x14ac:dyDescent="0.55000000000000004">
      <c r="A23" s="5">
        <v>130026</v>
      </c>
      <c r="B23" s="2" t="s">
        <v>81</v>
      </c>
      <c r="C23" s="2" t="s">
        <v>82</v>
      </c>
      <c r="D23" s="2" t="s">
        <v>83</v>
      </c>
      <c r="E23" s="5">
        <v>2012</v>
      </c>
    </row>
    <row r="24" spans="1:5" x14ac:dyDescent="0.55000000000000004">
      <c r="A24" s="5">
        <v>130036</v>
      </c>
      <c r="B24" s="2" t="s">
        <v>84</v>
      </c>
      <c r="C24" s="2" t="s">
        <v>85</v>
      </c>
      <c r="D24" s="2" t="s">
        <v>86</v>
      </c>
      <c r="E24" s="5">
        <v>2012</v>
      </c>
    </row>
    <row r="25" spans="1:5" x14ac:dyDescent="0.55000000000000004">
      <c r="A25" s="5">
        <v>130038</v>
      </c>
      <c r="B25" s="2" t="s">
        <v>87</v>
      </c>
      <c r="C25" s="2" t="s">
        <v>88</v>
      </c>
      <c r="D25" s="2" t="s">
        <v>15</v>
      </c>
      <c r="E25" s="5">
        <v>2013</v>
      </c>
    </row>
    <row r="26" spans="1:5" x14ac:dyDescent="0.55000000000000004">
      <c r="A26" s="5">
        <v>130040</v>
      </c>
      <c r="B26" s="2" t="s">
        <v>89</v>
      </c>
      <c r="C26" s="2" t="s">
        <v>90</v>
      </c>
      <c r="D26" s="2" t="s">
        <v>6</v>
      </c>
      <c r="E26" s="5">
        <v>2010</v>
      </c>
    </row>
    <row r="27" spans="1:5" x14ac:dyDescent="0.55000000000000004">
      <c r="A27" s="5">
        <v>130042</v>
      </c>
      <c r="B27" s="2" t="s">
        <v>91</v>
      </c>
      <c r="C27" s="2" t="s">
        <v>92</v>
      </c>
      <c r="D27" s="2" t="s">
        <v>93</v>
      </c>
      <c r="E27" s="5">
        <v>2010</v>
      </c>
    </row>
    <row r="28" spans="1:5" x14ac:dyDescent="0.55000000000000004">
      <c r="A28" s="5">
        <v>130044</v>
      </c>
      <c r="B28" s="2" t="s">
        <v>94</v>
      </c>
      <c r="C28" s="2" t="s">
        <v>95</v>
      </c>
      <c r="D28" s="2" t="s">
        <v>96</v>
      </c>
      <c r="E28" s="5">
        <v>2013</v>
      </c>
    </row>
    <row r="29" spans="1:5" x14ac:dyDescent="0.55000000000000004">
      <c r="A29" s="5">
        <v>130049</v>
      </c>
      <c r="B29" s="2" t="s">
        <v>97</v>
      </c>
      <c r="C29" s="2" t="s">
        <v>17</v>
      </c>
      <c r="D29" s="2" t="s">
        <v>98</v>
      </c>
      <c r="E29" s="5">
        <v>2010</v>
      </c>
    </row>
    <row r="30" spans="1:5" x14ac:dyDescent="0.55000000000000004">
      <c r="A30" s="5">
        <v>140012</v>
      </c>
      <c r="B30" s="2" t="s">
        <v>30</v>
      </c>
      <c r="C30" s="2" t="s">
        <v>31</v>
      </c>
      <c r="D30" s="2" t="s">
        <v>32</v>
      </c>
      <c r="E30" s="5">
        <v>2008</v>
      </c>
    </row>
    <row r="31" spans="1:5" x14ac:dyDescent="0.55000000000000004">
      <c r="A31" s="5">
        <v>140013</v>
      </c>
      <c r="B31" s="2" t="s">
        <v>99</v>
      </c>
      <c r="C31" s="2" t="s">
        <v>100</v>
      </c>
      <c r="D31" s="2" t="s">
        <v>13</v>
      </c>
      <c r="E31" s="5">
        <v>2013</v>
      </c>
    </row>
    <row r="32" spans="1:5" ht="29" x14ac:dyDescent="0.55000000000000004">
      <c r="A32" s="5">
        <v>160015</v>
      </c>
      <c r="B32" s="3" t="s">
        <v>101</v>
      </c>
      <c r="C32" s="2" t="s">
        <v>102</v>
      </c>
      <c r="D32" s="2" t="s">
        <v>103</v>
      </c>
      <c r="E32" s="5">
        <v>2014</v>
      </c>
    </row>
    <row r="33" spans="1:5" ht="29" x14ac:dyDescent="0.55000000000000004">
      <c r="A33" s="5">
        <v>160016</v>
      </c>
      <c r="B33" s="3" t="s">
        <v>104</v>
      </c>
      <c r="C33" s="2" t="s">
        <v>105</v>
      </c>
      <c r="D33" s="2" t="s">
        <v>106</v>
      </c>
      <c r="E33" s="5">
        <v>2015</v>
      </c>
    </row>
    <row r="34" spans="1:5" ht="17" customHeight="1" x14ac:dyDescent="0.55000000000000004">
      <c r="A34" s="5">
        <v>160023</v>
      </c>
      <c r="B34" s="3" t="s">
        <v>107</v>
      </c>
      <c r="C34" s="2" t="s">
        <v>108</v>
      </c>
      <c r="D34" s="2" t="s">
        <v>33</v>
      </c>
      <c r="E34" s="5">
        <v>2006</v>
      </c>
    </row>
    <row r="35" spans="1:5" x14ac:dyDescent="0.55000000000000004">
      <c r="A35" s="5">
        <v>160024</v>
      </c>
      <c r="B35" s="2" t="s">
        <v>109</v>
      </c>
      <c r="C35" s="2" t="s">
        <v>110</v>
      </c>
      <c r="D35" s="2" t="s">
        <v>111</v>
      </c>
      <c r="E35" s="5">
        <v>2013</v>
      </c>
    </row>
    <row r="36" spans="1:5" x14ac:dyDescent="0.55000000000000004">
      <c r="A36" s="5">
        <v>170006</v>
      </c>
      <c r="B36" s="2" t="s">
        <v>112</v>
      </c>
      <c r="C36" s="2" t="s">
        <v>113</v>
      </c>
      <c r="D36" s="2" t="s">
        <v>34</v>
      </c>
      <c r="E36" s="5">
        <v>2016</v>
      </c>
    </row>
    <row r="37" spans="1:5" x14ac:dyDescent="0.55000000000000004">
      <c r="A37" s="5">
        <v>170008</v>
      </c>
      <c r="B37" s="2" t="s">
        <v>8</v>
      </c>
      <c r="C37" s="2" t="s">
        <v>170</v>
      </c>
      <c r="D37" s="2" t="s">
        <v>177</v>
      </c>
      <c r="E37" s="5">
        <v>2012</v>
      </c>
    </row>
    <row r="38" spans="1:5" x14ac:dyDescent="0.55000000000000004">
      <c r="A38" s="5">
        <v>170010</v>
      </c>
      <c r="B38" s="2" t="s">
        <v>114</v>
      </c>
      <c r="C38" s="2" t="s">
        <v>174</v>
      </c>
      <c r="D38" s="2" t="s">
        <v>177</v>
      </c>
      <c r="E38" s="5">
        <v>2012</v>
      </c>
    </row>
    <row r="39" spans="1:5" x14ac:dyDescent="0.55000000000000004">
      <c r="A39" s="5">
        <v>170012</v>
      </c>
      <c r="B39" s="2" t="s">
        <v>115</v>
      </c>
      <c r="C39" s="2" t="s">
        <v>175</v>
      </c>
      <c r="D39" s="2" t="s">
        <v>116</v>
      </c>
      <c r="E39" s="5">
        <v>2016</v>
      </c>
    </row>
    <row r="40" spans="1:5" x14ac:dyDescent="0.55000000000000004">
      <c r="A40" s="5">
        <v>170016</v>
      </c>
      <c r="B40" s="2" t="s">
        <v>117</v>
      </c>
      <c r="C40" s="2" t="s">
        <v>118</v>
      </c>
      <c r="D40" s="2" t="s">
        <v>34</v>
      </c>
      <c r="E40" s="5">
        <v>2016</v>
      </c>
    </row>
    <row r="41" spans="1:5" x14ac:dyDescent="0.55000000000000004">
      <c r="A41" s="5">
        <v>170019</v>
      </c>
      <c r="B41" s="2" t="s">
        <v>9</v>
      </c>
      <c r="C41" s="2" t="s">
        <v>10</v>
      </c>
      <c r="D41" s="2" t="s">
        <v>11</v>
      </c>
      <c r="E41" s="5">
        <v>2013</v>
      </c>
    </row>
    <row r="42" spans="1:5" x14ac:dyDescent="0.55000000000000004">
      <c r="A42" s="5">
        <v>180002</v>
      </c>
      <c r="B42" s="2" t="s">
        <v>24</v>
      </c>
      <c r="C42" s="2" t="s">
        <v>25</v>
      </c>
      <c r="D42" s="2" t="s">
        <v>26</v>
      </c>
      <c r="E42" s="5">
        <v>2008</v>
      </c>
    </row>
    <row r="43" spans="1:5" x14ac:dyDescent="0.55000000000000004">
      <c r="A43" s="5">
        <v>180011</v>
      </c>
      <c r="B43" s="2" t="s">
        <v>119</v>
      </c>
      <c r="C43" s="2" t="s">
        <v>120</v>
      </c>
      <c r="D43" s="2" t="s">
        <v>178</v>
      </c>
      <c r="E43" s="5">
        <v>2018</v>
      </c>
    </row>
    <row r="44" spans="1:5" x14ac:dyDescent="0.55000000000000004">
      <c r="A44" s="5">
        <v>180017</v>
      </c>
      <c r="B44" s="2" t="s">
        <v>121</v>
      </c>
      <c r="C44" s="2" t="s">
        <v>122</v>
      </c>
      <c r="D44" s="2" t="s">
        <v>34</v>
      </c>
      <c r="E44" s="5">
        <v>2015</v>
      </c>
    </row>
    <row r="45" spans="1:5" x14ac:dyDescent="0.55000000000000004">
      <c r="A45" s="5">
        <v>200004</v>
      </c>
      <c r="B45" s="2" t="s">
        <v>123</v>
      </c>
      <c r="C45" s="2" t="s">
        <v>124</v>
      </c>
      <c r="D45" s="2" t="s">
        <v>125</v>
      </c>
      <c r="E45" s="5">
        <v>2017</v>
      </c>
    </row>
    <row r="46" spans="1:5" x14ac:dyDescent="0.55000000000000004">
      <c r="A46" s="5">
        <v>200012</v>
      </c>
      <c r="B46" s="2" t="s">
        <v>126</v>
      </c>
      <c r="C46" s="2"/>
      <c r="D46" s="2" t="s">
        <v>131</v>
      </c>
      <c r="E46" s="5">
        <v>2016</v>
      </c>
    </row>
    <row r="47" spans="1:5" x14ac:dyDescent="0.55000000000000004">
      <c r="A47" s="5">
        <v>200013</v>
      </c>
      <c r="B47" s="2" t="s">
        <v>127</v>
      </c>
      <c r="C47" s="2"/>
      <c r="D47" s="2" t="s">
        <v>131</v>
      </c>
      <c r="E47" s="5">
        <v>2019</v>
      </c>
    </row>
    <row r="48" spans="1:5" x14ac:dyDescent="0.55000000000000004">
      <c r="A48" s="5">
        <v>200014</v>
      </c>
      <c r="B48" s="2" t="s">
        <v>128</v>
      </c>
      <c r="C48" s="2" t="s">
        <v>129</v>
      </c>
      <c r="D48" s="2" t="s">
        <v>130</v>
      </c>
      <c r="E48" s="5">
        <v>2016</v>
      </c>
    </row>
    <row r="49" spans="1:5" x14ac:dyDescent="0.55000000000000004">
      <c r="A49" s="5">
        <v>210013</v>
      </c>
      <c r="B49" s="2" t="s">
        <v>132</v>
      </c>
      <c r="C49" s="2" t="s">
        <v>133</v>
      </c>
      <c r="D49" s="2" t="s">
        <v>134</v>
      </c>
      <c r="E49" s="5">
        <v>2021</v>
      </c>
    </row>
    <row r="50" spans="1:5" x14ac:dyDescent="0.55000000000000004">
      <c r="A50" s="5">
        <v>210015</v>
      </c>
      <c r="B50" s="2" t="s">
        <v>135</v>
      </c>
      <c r="C50" s="2" t="s">
        <v>136</v>
      </c>
      <c r="D50" s="2" t="s">
        <v>137</v>
      </c>
      <c r="E50" s="5">
        <v>2021</v>
      </c>
    </row>
    <row r="51" spans="1:5" x14ac:dyDescent="0.55000000000000004">
      <c r="A51" s="5">
        <v>210016</v>
      </c>
      <c r="B51" s="2" t="s">
        <v>138</v>
      </c>
      <c r="C51" s="2" t="s">
        <v>139</v>
      </c>
      <c r="D51" s="2" t="s">
        <v>7</v>
      </c>
      <c r="E51" s="5">
        <v>2019</v>
      </c>
    </row>
    <row r="52" spans="1:5" x14ac:dyDescent="0.55000000000000004">
      <c r="A52" s="5">
        <v>210017</v>
      </c>
      <c r="B52" s="2" t="s">
        <v>140</v>
      </c>
      <c r="C52" s="2" t="s">
        <v>141</v>
      </c>
      <c r="D52" s="2" t="s">
        <v>142</v>
      </c>
      <c r="E52" s="5">
        <v>2020</v>
      </c>
    </row>
    <row r="53" spans="1:5" x14ac:dyDescent="0.55000000000000004">
      <c r="A53" s="5">
        <v>210018</v>
      </c>
      <c r="B53" s="2" t="s">
        <v>143</v>
      </c>
      <c r="C53" s="2" t="s">
        <v>144</v>
      </c>
      <c r="D53" s="2" t="s">
        <v>145</v>
      </c>
      <c r="E53" s="5">
        <v>2021</v>
      </c>
    </row>
    <row r="54" spans="1:5" x14ac:dyDescent="0.55000000000000004">
      <c r="A54" s="5">
        <v>230001</v>
      </c>
      <c r="B54" s="2" t="s">
        <v>146</v>
      </c>
      <c r="C54" s="2" t="s">
        <v>147</v>
      </c>
      <c r="D54" s="2" t="s">
        <v>22</v>
      </c>
      <c r="E54" s="5">
        <v>2021</v>
      </c>
    </row>
    <row r="55" spans="1:5" x14ac:dyDescent="0.55000000000000004">
      <c r="A55" s="5">
        <v>230005</v>
      </c>
      <c r="B55" s="2" t="s">
        <v>148</v>
      </c>
      <c r="C55" s="2" t="s">
        <v>149</v>
      </c>
      <c r="D55" s="2" t="s">
        <v>150</v>
      </c>
      <c r="E55" s="5">
        <v>2022</v>
      </c>
    </row>
    <row r="56" spans="1:5" x14ac:dyDescent="0.55000000000000004">
      <c r="A56" s="5">
        <v>230009</v>
      </c>
      <c r="B56" s="2" t="s">
        <v>151</v>
      </c>
      <c r="C56" s="2" t="s">
        <v>152</v>
      </c>
      <c r="D56" s="2" t="s">
        <v>33</v>
      </c>
      <c r="E56" s="5">
        <v>2023</v>
      </c>
    </row>
    <row r="57" spans="1:5" x14ac:dyDescent="0.55000000000000004">
      <c r="A57" s="5">
        <v>230010</v>
      </c>
      <c r="B57" s="2" t="s">
        <v>153</v>
      </c>
      <c r="C57" s="2" t="s">
        <v>154</v>
      </c>
      <c r="D57" s="2" t="s">
        <v>155</v>
      </c>
      <c r="E57" s="5">
        <v>2022</v>
      </c>
    </row>
    <row r="58" spans="1:5" x14ac:dyDescent="0.55000000000000004">
      <c r="A58" s="5">
        <v>230011</v>
      </c>
      <c r="B58" s="2" t="s">
        <v>156</v>
      </c>
      <c r="C58" s="2" t="s">
        <v>157</v>
      </c>
      <c r="D58" s="2" t="s">
        <v>158</v>
      </c>
      <c r="E58" s="5">
        <v>2022</v>
      </c>
    </row>
    <row r="59" spans="1:5" x14ac:dyDescent="0.55000000000000004">
      <c r="A59" s="5">
        <v>230013</v>
      </c>
      <c r="B59" s="2" t="s">
        <v>159</v>
      </c>
      <c r="C59" s="2" t="s">
        <v>160</v>
      </c>
      <c r="D59" s="2" t="s">
        <v>16</v>
      </c>
      <c r="E59" s="5">
        <v>2023</v>
      </c>
    </row>
    <row r="60" spans="1:5" x14ac:dyDescent="0.55000000000000004">
      <c r="A60" s="5">
        <v>230015</v>
      </c>
      <c r="B60" s="2" t="s">
        <v>161</v>
      </c>
      <c r="C60" s="2" t="s">
        <v>162</v>
      </c>
      <c r="D60" s="2" t="s">
        <v>22</v>
      </c>
      <c r="E60" s="5">
        <v>2010</v>
      </c>
    </row>
    <row r="61" spans="1:5" x14ac:dyDescent="0.55000000000000004">
      <c r="A61" s="5">
        <v>230016</v>
      </c>
      <c r="B61" s="2" t="s">
        <v>171</v>
      </c>
      <c r="C61" s="2" t="s">
        <v>172</v>
      </c>
      <c r="D61" s="2" t="s">
        <v>173</v>
      </c>
      <c r="E61" s="5">
        <v>2023</v>
      </c>
    </row>
    <row r="62" spans="1:5" x14ac:dyDescent="0.55000000000000004">
      <c r="A62" s="5">
        <v>230023</v>
      </c>
      <c r="B62" s="2" t="s">
        <v>163</v>
      </c>
      <c r="C62" s="2" t="s">
        <v>164</v>
      </c>
      <c r="D62" s="2" t="s">
        <v>18</v>
      </c>
      <c r="E62" s="5">
        <v>2019</v>
      </c>
    </row>
    <row r="63" spans="1:5" x14ac:dyDescent="0.55000000000000004">
      <c r="A63" s="5">
        <v>240004</v>
      </c>
      <c r="B63" s="2" t="s">
        <v>165</v>
      </c>
      <c r="C63" s="2" t="s">
        <v>166</v>
      </c>
      <c r="D63" s="2" t="s">
        <v>167</v>
      </c>
      <c r="E63" s="5">
        <v>2024</v>
      </c>
    </row>
    <row r="64" spans="1:5" x14ac:dyDescent="0.55000000000000004">
      <c r="A64" s="5">
        <v>240006</v>
      </c>
      <c r="B64" s="2" t="s">
        <v>27</v>
      </c>
      <c r="C64" s="2" t="s">
        <v>28</v>
      </c>
      <c r="D64" s="2" t="s">
        <v>29</v>
      </c>
      <c r="E64" s="5">
        <v>2019</v>
      </c>
    </row>
    <row r="65" spans="1:5" x14ac:dyDescent="0.55000000000000004">
      <c r="A65" s="5">
        <v>250006</v>
      </c>
      <c r="B65" s="13" t="s">
        <v>179</v>
      </c>
      <c r="C65" s="14" t="s">
        <v>180</v>
      </c>
      <c r="D65" s="13" t="s">
        <v>181</v>
      </c>
      <c r="E65" s="5">
        <v>2023</v>
      </c>
    </row>
    <row r="66" spans="1:5" x14ac:dyDescent="0.55000000000000004">
      <c r="A66" s="8"/>
      <c r="B66" s="9"/>
      <c r="C66" s="9"/>
      <c r="D66" s="9"/>
      <c r="E66" s="6"/>
    </row>
    <row r="67" spans="1:5" x14ac:dyDescent="0.55000000000000004">
      <c r="A67" s="8"/>
      <c r="B67" s="9"/>
      <c r="C67" s="9"/>
      <c r="D67" s="9"/>
      <c r="E67" s="6"/>
    </row>
    <row r="68" spans="1:5" x14ac:dyDescent="0.55000000000000004">
      <c r="A68" s="8"/>
      <c r="B68" s="9"/>
      <c r="C68" s="9"/>
      <c r="D68" s="9"/>
      <c r="E68" s="6"/>
    </row>
    <row r="69" spans="1:5" x14ac:dyDescent="0.55000000000000004">
      <c r="A69" s="8"/>
      <c r="B69" s="9"/>
      <c r="C69" s="9"/>
      <c r="D69" s="9"/>
      <c r="E69" s="6"/>
    </row>
    <row r="70" spans="1:5" x14ac:dyDescent="0.55000000000000004">
      <c r="A70" s="8"/>
      <c r="B70" s="9"/>
      <c r="C70" s="9"/>
      <c r="D70" s="9"/>
      <c r="E70" s="6"/>
    </row>
    <row r="71" spans="1:5" x14ac:dyDescent="0.55000000000000004">
      <c r="A71" s="8"/>
      <c r="B71" s="9"/>
      <c r="C71" s="9"/>
      <c r="D71" s="9"/>
      <c r="E71" s="6"/>
    </row>
    <row r="72" spans="1:5" x14ac:dyDescent="0.55000000000000004">
      <c r="A72" s="8"/>
      <c r="B72" s="9"/>
      <c r="C72" s="9"/>
      <c r="D72" s="9"/>
      <c r="E72" s="6"/>
    </row>
    <row r="73" spans="1:5" x14ac:dyDescent="0.55000000000000004">
      <c r="A73" s="8"/>
      <c r="B73" s="9"/>
      <c r="C73" s="9"/>
      <c r="D73" s="9"/>
      <c r="E73" s="6"/>
    </row>
    <row r="74" spans="1:5" x14ac:dyDescent="0.55000000000000004">
      <c r="A74" s="8"/>
      <c r="B74" s="9"/>
      <c r="C74" s="9"/>
      <c r="D74" s="9"/>
      <c r="E74" s="6"/>
    </row>
    <row r="75" spans="1:5" x14ac:dyDescent="0.55000000000000004">
      <c r="A75" s="10"/>
      <c r="B75" s="11"/>
      <c r="C75" s="11"/>
      <c r="D75" s="11"/>
      <c r="E75" s="6"/>
    </row>
    <row r="76" spans="1:5" x14ac:dyDescent="0.55000000000000004">
      <c r="A76" s="10"/>
      <c r="B76" s="11"/>
      <c r="C76" s="11"/>
      <c r="D76" s="11"/>
      <c r="E76" s="6"/>
    </row>
    <row r="77" spans="1:5" x14ac:dyDescent="0.55000000000000004">
      <c r="A77" s="10"/>
      <c r="B77" s="11"/>
      <c r="C77" s="11"/>
      <c r="D77" s="11"/>
      <c r="E77" s="6"/>
    </row>
    <row r="78" spans="1:5" x14ac:dyDescent="0.55000000000000004">
      <c r="A78" s="10"/>
      <c r="B78" s="11"/>
      <c r="C78" s="11"/>
      <c r="D78" s="11"/>
      <c r="E78" s="6"/>
    </row>
    <row r="79" spans="1:5" x14ac:dyDescent="0.55000000000000004">
      <c r="A79" s="6"/>
      <c r="B79" s="7"/>
      <c r="C79" s="7"/>
      <c r="D79" s="7"/>
      <c r="E79" s="7"/>
    </row>
    <row r="80" spans="1:5" x14ac:dyDescent="0.55000000000000004">
      <c r="A80" s="6"/>
      <c r="B80" s="7"/>
      <c r="C80" s="7"/>
      <c r="D80" s="7"/>
      <c r="E80" s="7"/>
    </row>
    <row r="81" spans="1:5" x14ac:dyDescent="0.55000000000000004">
      <c r="A81" s="6"/>
      <c r="B81" s="7"/>
      <c r="C81" s="7"/>
      <c r="D81" s="7"/>
      <c r="E81" s="7"/>
    </row>
    <row r="82" spans="1:5" x14ac:dyDescent="0.55000000000000004">
      <c r="A82" s="6"/>
      <c r="B82" s="7"/>
      <c r="C82" s="7"/>
      <c r="D82" s="7"/>
      <c r="E82" s="7"/>
    </row>
    <row r="83" spans="1:5" x14ac:dyDescent="0.55000000000000004">
      <c r="A83" s="6"/>
      <c r="B83" s="7"/>
      <c r="C83" s="7"/>
      <c r="D83" s="7"/>
    </row>
    <row r="84" spans="1:5" x14ac:dyDescent="0.55000000000000004">
      <c r="A84" s="6"/>
      <c r="B84" s="7"/>
      <c r="C84" s="7"/>
      <c r="D84" s="7"/>
    </row>
  </sheetData>
  <mergeCells count="1">
    <mergeCell ref="A1:D1"/>
  </mergeCells>
  <phoneticPr fontId="1"/>
  <pageMargins left="0.7" right="0.7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その他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井上　佳子</dc:creator>
  <cp:lastModifiedBy>井上　佳子</cp:lastModifiedBy>
  <cp:lastPrinted>2026-01-21T07:32:37Z</cp:lastPrinted>
  <dcterms:created xsi:type="dcterms:W3CDTF">2025-02-07T02:13:17Z</dcterms:created>
  <dcterms:modified xsi:type="dcterms:W3CDTF">2026-02-18T23:53:01Z</dcterms:modified>
</cp:coreProperties>
</file>